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6.xml" ContentType="application/vnd.openxmlformats-officedocument.presentationml.notesSlide+xml"/>
  <Override PartName="/ppt/tags/tag9.xml" ContentType="application/vnd.openxmlformats-officedocument.presentationml.tags+xml"/>
  <Override PartName="/ppt/notesSlides/notesSlide7.xml" ContentType="application/vnd.openxmlformats-officedocument.presentationml.notesSlide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61" r:id="rId2"/>
    <p:sldId id="273" r:id="rId3"/>
    <p:sldId id="265" r:id="rId4"/>
    <p:sldId id="266" r:id="rId5"/>
    <p:sldId id="262" r:id="rId6"/>
    <p:sldId id="275" r:id="rId7"/>
    <p:sldId id="276" r:id="rId8"/>
    <p:sldId id="268" r:id="rId9"/>
    <p:sldId id="274" r:id="rId10"/>
    <p:sldId id="267" r:id="rId11"/>
    <p:sldId id="270" r:id="rId12"/>
    <p:sldId id="271" r:id="rId13"/>
    <p:sldId id="272" r:id="rId14"/>
    <p:sldId id="260" r:id="rId15"/>
  </p:sldIdLst>
  <p:sldSz cx="12188825" cy="6858000"/>
  <p:notesSz cx="6797675" cy="9926638"/>
  <p:embeddedFontLst>
    <p:embeddedFont>
      <p:font typeface="AU Passata" panose="020B0503030502030804" pitchFamily="34" charset="77"/>
      <p:regular r:id="rId18"/>
      <p:bold r:id="rId19"/>
    </p:embeddedFont>
    <p:embeddedFont>
      <p:font typeface="AU Passata Light" panose="020B0303030902030804" pitchFamily="34" charset="77"/>
      <p:regular r:id="rId20"/>
      <p:bold r:id="rId21"/>
    </p:embeddedFont>
    <p:embeddedFont>
      <p:font typeface="AU Peto" pitchFamily="82" charset="77"/>
      <p:regular r:id="rId22"/>
      <p:bold r:id="rId23"/>
    </p:embeddedFont>
    <p:embeddedFont>
      <p:font typeface="Calibri" panose="020F0502020204030204" pitchFamily="34" charset="0"/>
      <p:regular r:id="rId24"/>
      <p:bold r:id="rId25"/>
      <p:italic r:id="rId26"/>
      <p:boldItalic r:id="rId27"/>
    </p:embeddedFont>
    <p:embeddedFont>
      <p:font typeface="Georgia" panose="02040502050405020303" pitchFamily="18" charset="0"/>
      <p:regular r:id="rId28"/>
      <p:bold r:id="rId29"/>
      <p:italic r:id="rId30"/>
      <p:boldItalic r:id="rId31"/>
    </p:embeddedFont>
    <p:embeddedFont>
      <p:font typeface="Wingdings 3" pitchFamily="2" charset="2"/>
      <p:regular r:id="rId3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3642" autoAdjust="0"/>
    <p:restoredTop sz="93497" autoAdjust="0"/>
  </p:normalViewPr>
  <p:slideViewPr>
    <p:cSldViewPr snapToObjects="1" showGuides="1">
      <p:cViewPr varScale="1">
        <p:scale>
          <a:sx n="178" d="100"/>
          <a:sy n="178" d="100"/>
        </p:scale>
        <p:origin x="184" y="48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1.fntdata"/><Relationship Id="rId26" Type="http://schemas.openxmlformats.org/officeDocument/2006/relationships/font" Target="fonts/font9.fntdata"/><Relationship Id="rId3" Type="http://schemas.openxmlformats.org/officeDocument/2006/relationships/slide" Target="slides/slide2.xml"/><Relationship Id="rId21" Type="http://schemas.openxmlformats.org/officeDocument/2006/relationships/font" Target="fonts/font4.fntdata"/><Relationship Id="rId34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5" Type="http://schemas.openxmlformats.org/officeDocument/2006/relationships/font" Target="fonts/font8.fntdata"/><Relationship Id="rId33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font" Target="fonts/font3.fntdata"/><Relationship Id="rId29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7.fntdata"/><Relationship Id="rId32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6.fntdata"/><Relationship Id="rId28" Type="http://schemas.openxmlformats.org/officeDocument/2006/relationships/font" Target="fonts/font11.fntdata"/><Relationship Id="rId36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font" Target="fonts/font2.fntdata"/><Relationship Id="rId31" Type="http://schemas.openxmlformats.org/officeDocument/2006/relationships/font" Target="fonts/font1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5.fntdata"/><Relationship Id="rId27" Type="http://schemas.openxmlformats.org/officeDocument/2006/relationships/font" Target="fonts/font10.fntdata"/><Relationship Id="rId30" Type="http://schemas.openxmlformats.org/officeDocument/2006/relationships/font" Target="fonts/font13.fntdata"/><Relationship Id="rId35" Type="http://schemas.openxmlformats.org/officeDocument/2006/relationships/theme" Target="theme/theme1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DK" dirty="0"/>
              <a:t>- </a:t>
            </a:r>
            <a:r>
              <a:rPr lang="en-GB" dirty="0"/>
              <a:t>H</a:t>
            </a:r>
            <a:r>
              <a:rPr lang="en-DK" dirty="0"/>
              <a:t>vem er jeg ? </a:t>
            </a:r>
            <a:br>
              <a:rPr lang="en-DK" dirty="0"/>
            </a:br>
            <a:r>
              <a:rPr lang="en-DK" dirty="0"/>
              <a:t>- Hvad kan I bruge mig til?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41751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223028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716413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964877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074714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i="1" dirty="0"/>
              <a:t>Projektforløb + Avanceret Videnskabsteori</a:t>
            </a: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007164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DK" dirty="0"/>
              <a:t>Nogle skal have lukket hullerne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deres</a:t>
            </a:r>
            <a:r>
              <a:rPr lang="en-GB" dirty="0"/>
              <a:t> </a:t>
            </a:r>
            <a:r>
              <a:rPr lang="en-GB" dirty="0" err="1"/>
              <a:t>eksisterende</a:t>
            </a:r>
            <a:r>
              <a:rPr lang="en-GB" dirty="0"/>
              <a:t> </a:t>
            </a:r>
            <a:r>
              <a:rPr lang="en-GB" dirty="0" err="1"/>
              <a:t>efteruddannelse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starter </a:t>
            </a:r>
            <a:r>
              <a:rPr lang="en-GB" dirty="0" err="1"/>
              <a:t>helt</a:t>
            </a:r>
            <a:r>
              <a:rPr lang="en-GB" dirty="0"/>
              <a:t> </a:t>
            </a:r>
            <a:r>
              <a:rPr lang="en-GB" dirty="0" err="1"/>
              <a:t>forfra</a:t>
            </a: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9025180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janua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aglig koordinator for Master i Informatikundervisning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Christine An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66014860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janua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aglig koordinator for Master i Informatikundervisning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Christine An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3599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janua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aglig koordinator for Master i Informatikundervisning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Christine An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3023205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21012126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da Christine An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0. janua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Faglig koordinator for Master i Informatikundervisning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9.05.2022</a:t>
            </a:fld>
            <a:r>
              <a:rPr lang="da-DK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9.xml"/><Relationship Id="rId4" Type="http://schemas.openxmlformats.org/officeDocument/2006/relationships/image" Target="../media/image22.jp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tilmeld.dk/informatikkonference/conference" TargetMode="Externa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.xml"/><Relationship Id="rId4" Type="http://schemas.openxmlformats.org/officeDocument/2006/relationships/image" Target="../media/image23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mailto:miu@cs.au.dk" TargetMode="Externa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2.xml"/><Relationship Id="rId6" Type="http://schemas.openxmlformats.org/officeDocument/2006/relationships/image" Target="../media/image25.png"/><Relationship Id="rId5" Type="http://schemas.openxmlformats.org/officeDocument/2006/relationships/hyperlink" Target="https://www.au.dk/evu/nat-tech/master/informatikundervisning/" TargetMode="External"/><Relationship Id="rId4" Type="http://schemas.openxmlformats.org/officeDocument/2006/relationships/hyperlink" Target="https://cs.au.dk/miu/" TargetMode="Externa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jpg"/><Relationship Id="rId7" Type="http://schemas.openxmlformats.org/officeDocument/2006/relationships/image" Target="../media/image17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Relationship Id="rId5" Type="http://schemas.openxmlformats.org/officeDocument/2006/relationships/image" Target="../media/image19.emf"/><Relationship Id="rId4" Type="http://schemas.openxmlformats.org/officeDocument/2006/relationships/hyperlink" Target="https://www.retsinformation.dk/eli/retsinfo/2018/9698" TargetMode="Externa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Relationship Id="rId4" Type="http://schemas.openxmlformats.org/officeDocument/2006/relationships/image" Target="../media/image19.emf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6.xml"/><Relationship Id="rId4" Type="http://schemas.openxmlformats.org/officeDocument/2006/relationships/image" Target="../media/image19.e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Relationship Id="rId4" Type="http://schemas.openxmlformats.org/officeDocument/2006/relationships/image" Target="../media/image2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254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/>
              <a:t>Master i informatikundervis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dre kurser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trike="sngStrike" dirty="0"/>
              <a:t>Fundamentale Begreber i informatikken</a:t>
            </a:r>
            <a:r>
              <a:rPr lang="da-DK" dirty="0"/>
              <a:t> er blevet til </a:t>
            </a:r>
            <a:br>
              <a:rPr lang="da-DK" dirty="0"/>
            </a:br>
            <a:r>
              <a:rPr lang="da-DK" i="1" dirty="0"/>
              <a:t>‘Digital teknologiforståelse for gymnasielærere’</a:t>
            </a:r>
            <a:br>
              <a:rPr lang="da-DK" dirty="0"/>
            </a:br>
            <a:r>
              <a:rPr lang="da-DK" dirty="0"/>
              <a:t> (10 ECTS) på KU E22</a:t>
            </a:r>
            <a:br>
              <a:rPr lang="da-DK" dirty="0"/>
            </a:br>
            <a:r>
              <a:rPr lang="da-DK" dirty="0"/>
              <a:t>Bredt introducerende for alle gymnasielærer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Informatikkens fagdidaktik (5 ECTS) på AU i F23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Videnskabsteori for informatikfaget (5 ECTS) på KU</a:t>
            </a:r>
            <a:br>
              <a:rPr lang="da-DK" dirty="0"/>
            </a:br>
            <a:r>
              <a:rPr lang="da-DK" dirty="0"/>
              <a:t>Sommerkursus 202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40782C4-C5D2-C648-A095-E4FF0760933C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049" t="20291" r="21240" b="18999"/>
          <a:stretch/>
        </p:blipFill>
        <p:spPr>
          <a:xfrm>
            <a:off x="7390556" y="2204864"/>
            <a:ext cx="3384376" cy="33843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8208277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rrangementer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405780" y="1960079"/>
            <a:ext cx="10800383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Informatikkonference, </a:t>
            </a:r>
            <a:r>
              <a:rPr lang="da-DK" dirty="0" err="1"/>
              <a:t>Nov</a:t>
            </a:r>
            <a:r>
              <a:rPr lang="da-DK" dirty="0"/>
              <a:t> 15-16</a:t>
            </a:r>
            <a:br>
              <a:rPr lang="da-DK" dirty="0"/>
            </a:br>
            <a:r>
              <a:rPr lang="da-DK" dirty="0"/>
              <a:t>på Hotel Legoland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ilmeld jer: </a:t>
            </a:r>
            <a:br>
              <a:rPr lang="da-DK" dirty="0"/>
            </a:br>
            <a:r>
              <a:rPr lang="da-DK" dirty="0">
                <a:hlinkClick r:id="rId3"/>
              </a:rPr>
              <a:t>https://www.tilmeld.dk/informatikkonference/</a:t>
            </a:r>
            <a:br>
              <a:rPr lang="da-DK" dirty="0">
                <a:hlinkClick r:id="rId3"/>
              </a:rPr>
            </a:br>
            <a:r>
              <a:rPr lang="da-DK" dirty="0">
                <a:hlinkClick r:id="rId3"/>
              </a:rPr>
              <a:t>conference</a:t>
            </a:r>
            <a:r>
              <a:rPr lang="da-DK" dirty="0"/>
              <a:t> </a:t>
            </a:r>
          </a:p>
          <a:p>
            <a:pPr>
              <a:buNone/>
            </a:pPr>
            <a:endParaRPr lang="da-DK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0BA048C-2511-9696-B6F2-2977DD82DAC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38428" y="0"/>
            <a:ext cx="4848393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129619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ind Inspiration: </a:t>
            </a:r>
            <a:r>
              <a:rPr lang="da-DK" dirty="0" err="1"/>
              <a:t>GRASPIT.Dk</a:t>
            </a:r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85BA4CA-71F9-F5AF-9358-9571C1346434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0"/>
          <a:stretch/>
        </p:blipFill>
        <p:spPr>
          <a:xfrm>
            <a:off x="1773932" y="1458443"/>
            <a:ext cx="8424936" cy="5388320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425055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pørgsmål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  <a:p>
            <a:endParaRPr lang="da-DK" dirty="0"/>
          </a:p>
          <a:p>
            <a:r>
              <a:rPr lang="da-DK" dirty="0"/>
              <a:t>Skriv til mig:  </a:t>
            </a:r>
            <a:r>
              <a:rPr lang="da-DK" dirty="0">
                <a:hlinkClick r:id="rId3"/>
              </a:rPr>
              <a:t>miu@cs.au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Læs mere:</a:t>
            </a:r>
          </a:p>
          <a:p>
            <a:r>
              <a:rPr lang="da-DK" dirty="0">
                <a:hlinkClick r:id="rId4"/>
              </a:rPr>
              <a:t>https://cs.au.dk/miu/</a:t>
            </a:r>
            <a:r>
              <a:rPr lang="da-DK" dirty="0"/>
              <a:t> </a:t>
            </a:r>
          </a:p>
          <a:p>
            <a:r>
              <a:rPr lang="da-DK" dirty="0">
                <a:hlinkClick r:id="rId5"/>
              </a:rPr>
              <a:t>https://www.au.dk/evu/nat-tech/master/informatikundervisning/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42DF294-DE11-434C-8043-F658BDE57E8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90556" y="2060848"/>
            <a:ext cx="3384376" cy="33843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9513456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422209-DFED-D746-B24A-0262BF5A54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Koordinator og vejled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371234-9542-BB4B-A0CC-2DFCA2D201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4892549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aglig koordinator for </a:t>
            </a:r>
            <a:br>
              <a:rPr lang="da-DK" dirty="0"/>
            </a:br>
            <a:r>
              <a:rPr lang="da-DK" dirty="0"/>
              <a:t>Institut for Datalogi, Aarhus Universit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Cand.IT</a:t>
            </a:r>
            <a:r>
              <a:rPr lang="da-DK" dirty="0"/>
              <a:t> i Informationsvidenskab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9813AB-617D-EC42-A251-891C99245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E54F43-C7DD-4842-BBE1-B941253181E2}" type="datetime1">
              <a:rPr lang="da-DK" smtClean="0"/>
              <a:t>09.05.2022</a:t>
            </a:fld>
            <a:r>
              <a:rPr lang="da-DK"/>
              <a:t>20-01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EDB7760-44CD-0CA7-A4B1-9DC688CD615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58508" y="1628800"/>
            <a:ext cx="3263098" cy="40770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030016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formatik</a:t>
            </a:r>
          </a:p>
        </p:txBody>
      </p:sp>
      <p:pic>
        <p:nvPicPr>
          <p:cNvPr id="11" name="Content Placeholder 10">
            <a:extLst>
              <a:ext uri="{FF2B5EF4-FFF2-40B4-BE49-F238E27FC236}">
                <a16:creationId xmlns:a16="http://schemas.microsoft.com/office/drawing/2014/main" id="{3775BAC0-1733-7E4B-9136-671642EDE05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70076" y="1458443"/>
            <a:ext cx="6275815" cy="4706861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7272942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angel på Undervisere i Informatik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FB3B1AF-34A1-2249-94A2-F120C54493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812" y="2204500"/>
            <a:ext cx="2880320" cy="437371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850D2034-F72D-D449-9920-A83DDD760C6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42684" y="2053543"/>
            <a:ext cx="3269574" cy="69139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7D378AA7-2F25-4440-B784-CB13D0D6E4A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54251" y="1844824"/>
            <a:ext cx="2880321" cy="1072815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41AB728-6793-9B46-BBDF-86DABF23AD1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7828" y="3211047"/>
            <a:ext cx="2736304" cy="732445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770F2AAD-AD4C-0047-9054-50E40F2B54FC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52505" y="3248459"/>
            <a:ext cx="1750419" cy="732445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C05DCFCB-61D3-9344-B85F-6C656ABE0D46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7391" y="3281257"/>
            <a:ext cx="3154040" cy="788510"/>
          </a:xfrm>
          <a:prstGeom prst="rect">
            <a:avLst/>
          </a:prstGeom>
        </p:spPr>
      </p:pic>
      <p:sp>
        <p:nvSpPr>
          <p:cNvPr id="11" name="Right Brace 10">
            <a:extLst>
              <a:ext uri="{FF2B5EF4-FFF2-40B4-BE49-F238E27FC236}">
                <a16:creationId xmlns:a16="http://schemas.microsoft.com/office/drawing/2014/main" id="{5F34A3A1-FC40-9545-AA33-ABF247BA89C9}"/>
              </a:ext>
            </a:extLst>
          </p:cNvPr>
          <p:cNvSpPr/>
          <p:nvPr/>
        </p:nvSpPr>
        <p:spPr bwMode="auto">
          <a:xfrm rot="5400000">
            <a:off x="5700154" y="807900"/>
            <a:ext cx="788511" cy="8102487"/>
          </a:xfrm>
          <a:prstGeom prst="rightBrace">
            <a:avLst/>
          </a:prstGeom>
          <a:ln>
            <a:headEnd type="none" w="med" len="med"/>
            <a:tailEnd type="none" w="med" len="med"/>
            <a:extLst>
              <a:ext uri="{C807C97D-BFC1-408E-A445-0C87EB9F89A2}">
                <ask:lineSketchStyleProps xmlns:ask="http://schemas.microsoft.com/office/drawing/2018/sketchyshapes" sd="615697673">
                  <a:custGeom>
                    <a:avLst/>
                    <a:gdLst>
                      <a:gd name="connsiteX0" fmla="*/ 0 w 788511"/>
                      <a:gd name="connsiteY0" fmla="*/ 0 h 8102487"/>
                      <a:gd name="connsiteX1" fmla="*/ 394256 w 788511"/>
                      <a:gd name="connsiteY1" fmla="*/ 65707 h 8102487"/>
                      <a:gd name="connsiteX2" fmla="*/ 394256 w 788511"/>
                      <a:gd name="connsiteY2" fmla="*/ 3985537 h 8102487"/>
                      <a:gd name="connsiteX3" fmla="*/ 788512 w 788511"/>
                      <a:gd name="connsiteY3" fmla="*/ 4051244 h 8102487"/>
                      <a:gd name="connsiteX4" fmla="*/ 394256 w 788511"/>
                      <a:gd name="connsiteY4" fmla="*/ 4116951 h 8102487"/>
                      <a:gd name="connsiteX5" fmla="*/ 394256 w 788511"/>
                      <a:gd name="connsiteY5" fmla="*/ 8036780 h 8102487"/>
                      <a:gd name="connsiteX6" fmla="*/ 0 w 788511"/>
                      <a:gd name="connsiteY6" fmla="*/ 8102487 h 8102487"/>
                      <a:gd name="connsiteX7" fmla="*/ 0 w 788511"/>
                      <a:gd name="connsiteY7" fmla="*/ 0 h 8102487"/>
                      <a:gd name="connsiteX0" fmla="*/ 0 w 788511"/>
                      <a:gd name="connsiteY0" fmla="*/ 0 h 8102487"/>
                      <a:gd name="connsiteX1" fmla="*/ 394256 w 788511"/>
                      <a:gd name="connsiteY1" fmla="*/ 65707 h 8102487"/>
                      <a:gd name="connsiteX2" fmla="*/ 394256 w 788511"/>
                      <a:gd name="connsiteY2" fmla="*/ 3985537 h 8102487"/>
                      <a:gd name="connsiteX3" fmla="*/ 788512 w 788511"/>
                      <a:gd name="connsiteY3" fmla="*/ 4051244 h 8102487"/>
                      <a:gd name="connsiteX4" fmla="*/ 394256 w 788511"/>
                      <a:gd name="connsiteY4" fmla="*/ 4116951 h 8102487"/>
                      <a:gd name="connsiteX5" fmla="*/ 394256 w 788511"/>
                      <a:gd name="connsiteY5" fmla="*/ 8036780 h 8102487"/>
                      <a:gd name="connsiteX6" fmla="*/ 0 w 788511"/>
                      <a:gd name="connsiteY6" fmla="*/ 8102487 h 8102487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</a:cxnLst>
                    <a:rect l="l" t="t" r="r" b="b"/>
                    <a:pathLst>
                      <a:path w="788511" h="8102487" stroke="0" extrusionOk="0">
                        <a:moveTo>
                          <a:pt x="0" y="0"/>
                        </a:moveTo>
                        <a:cubicBezTo>
                          <a:pt x="217274" y="-1847"/>
                          <a:pt x="391900" y="28740"/>
                          <a:pt x="394256" y="65707"/>
                        </a:cubicBezTo>
                        <a:cubicBezTo>
                          <a:pt x="536000" y="953401"/>
                          <a:pt x="426850" y="2931651"/>
                          <a:pt x="394256" y="3985537"/>
                        </a:cubicBezTo>
                        <a:cubicBezTo>
                          <a:pt x="391611" y="4040210"/>
                          <a:pt x="573026" y="4044036"/>
                          <a:pt x="788512" y="4051244"/>
                        </a:cubicBezTo>
                        <a:cubicBezTo>
                          <a:pt x="567187" y="4050824"/>
                          <a:pt x="392893" y="4079344"/>
                          <a:pt x="394256" y="4116951"/>
                        </a:cubicBezTo>
                        <a:cubicBezTo>
                          <a:pt x="551045" y="5251483"/>
                          <a:pt x="267581" y="7530532"/>
                          <a:pt x="394256" y="8036780"/>
                        </a:cubicBezTo>
                        <a:cubicBezTo>
                          <a:pt x="371417" y="8070100"/>
                          <a:pt x="191161" y="8101003"/>
                          <a:pt x="0" y="8102487"/>
                        </a:cubicBezTo>
                        <a:cubicBezTo>
                          <a:pt x="82410" y="4956971"/>
                          <a:pt x="81327" y="1000838"/>
                          <a:pt x="0" y="0"/>
                        </a:cubicBezTo>
                        <a:close/>
                      </a:path>
                      <a:path w="788511" h="8102487" fill="none" extrusionOk="0">
                        <a:moveTo>
                          <a:pt x="0" y="0"/>
                        </a:moveTo>
                        <a:cubicBezTo>
                          <a:pt x="218472" y="-3821"/>
                          <a:pt x="393386" y="29950"/>
                          <a:pt x="394256" y="65707"/>
                        </a:cubicBezTo>
                        <a:cubicBezTo>
                          <a:pt x="458890" y="974498"/>
                          <a:pt x="319524" y="2526723"/>
                          <a:pt x="394256" y="3985537"/>
                        </a:cubicBezTo>
                        <a:cubicBezTo>
                          <a:pt x="392140" y="4033760"/>
                          <a:pt x="568828" y="4021721"/>
                          <a:pt x="788512" y="4051244"/>
                        </a:cubicBezTo>
                        <a:cubicBezTo>
                          <a:pt x="574177" y="4047428"/>
                          <a:pt x="390567" y="4083734"/>
                          <a:pt x="394256" y="4116951"/>
                        </a:cubicBezTo>
                        <a:cubicBezTo>
                          <a:pt x="518000" y="5402132"/>
                          <a:pt x="385867" y="6813361"/>
                          <a:pt x="394256" y="8036780"/>
                        </a:cubicBezTo>
                        <a:cubicBezTo>
                          <a:pt x="386249" y="8061489"/>
                          <a:pt x="243987" y="8092550"/>
                          <a:pt x="0" y="8102487"/>
                        </a:cubicBezTo>
                      </a:path>
                    </a:pathLst>
                  </a:custGeom>
                  <ask:type>
                    <ask:lineSketchCurved/>
                  </ask:type>
                </ask:lineSketchStyleProps>
              </a:ext>
            </a:extLst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879616C7-C940-F447-80B5-F73AB8B25A5F}"/>
              </a:ext>
            </a:extLst>
          </p:cNvPr>
          <p:cNvSpPr txBox="1"/>
          <p:nvPr/>
        </p:nvSpPr>
        <p:spPr>
          <a:xfrm>
            <a:off x="4510233" y="5555810"/>
            <a:ext cx="316835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aster </a:t>
            </a:r>
            <a:r>
              <a:rPr lang="en-GB" sz="1600" dirty="0" err="1">
                <a:latin typeface="+mn-lt"/>
              </a:rPr>
              <a:t>i</a:t>
            </a:r>
            <a:r>
              <a:rPr lang="en-GB" sz="1600" dirty="0">
                <a:latin typeface="+mn-lt"/>
              </a:rPr>
              <a:t> </a:t>
            </a:r>
            <a:r>
              <a:rPr lang="en-GB" sz="1600" dirty="0" err="1">
                <a:latin typeface="+mn-lt"/>
              </a:rPr>
              <a:t>Informatikundervisning</a:t>
            </a:r>
            <a:endParaRPr lang="en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264392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aster i informatikundervisning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EA8DC06A-CF0C-2945-9E69-4A9227442341}"/>
              </a:ext>
            </a:extLst>
          </p:cNvPr>
          <p:cNvSpPr txBox="1">
            <a:spLocks/>
          </p:cNvSpPr>
          <p:nvPr/>
        </p:nvSpPr>
        <p:spPr bwMode="auto">
          <a:xfrm>
            <a:off x="985839" y="1960079"/>
            <a:ext cx="7340822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>
                <a:hlinkClick r:id="rId4"/>
              </a:rPr>
              <a:t>De faglige mindstekrav</a:t>
            </a:r>
            <a:r>
              <a:rPr lang="da-DK" sz="1600" kern="0" dirty="0"/>
              <a:t> (90 eller 120 ECT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3-6 å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I sammenstykker selv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Alle kurser kan søges og læses</a:t>
            </a:r>
            <a:br>
              <a:rPr lang="da-DK" sz="1600" kern="0" dirty="0"/>
            </a:br>
            <a:r>
              <a:rPr lang="da-DK" sz="1600" kern="0" dirty="0"/>
              <a:t>enkeltv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Introduktion til programmering = obligatoris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Masterprojekt er afsluttende (men frivilligt)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AB26D35-8C7B-F345-9AD4-F701B3E81E05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8621" r="2676" b="24490"/>
          <a:stretch/>
        </p:blipFill>
        <p:spPr>
          <a:xfrm>
            <a:off x="4532091" y="1628800"/>
            <a:ext cx="7340822" cy="3937485"/>
          </a:xfrm>
          <a:prstGeom prst="rect">
            <a:avLst/>
          </a:prstGeom>
        </p:spPr>
      </p:pic>
      <p:sp>
        <p:nvSpPr>
          <p:cNvPr id="9" name="Oval 8">
            <a:extLst>
              <a:ext uri="{FF2B5EF4-FFF2-40B4-BE49-F238E27FC236}">
                <a16:creationId xmlns:a16="http://schemas.microsoft.com/office/drawing/2014/main" id="{DFB3EDEA-356B-3D49-91DC-F63A08F9B3F3}"/>
              </a:ext>
            </a:extLst>
          </p:cNvPr>
          <p:cNvSpPr/>
          <p:nvPr/>
        </p:nvSpPr>
        <p:spPr bwMode="auto">
          <a:xfrm>
            <a:off x="5950396" y="1844824"/>
            <a:ext cx="2965989" cy="1258982"/>
          </a:xfrm>
          <a:prstGeom prst="ellipse">
            <a:avLst/>
          </a:prstGeom>
          <a:noFill/>
          <a:ln w="349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ruktur - naturvidenskabelige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EA8DC06A-CF0C-2945-9E69-4A9227442341}"/>
              </a:ext>
            </a:extLst>
          </p:cNvPr>
          <p:cNvSpPr txBox="1">
            <a:spLocks/>
          </p:cNvSpPr>
          <p:nvPr/>
        </p:nvSpPr>
        <p:spPr bwMode="auto">
          <a:xfrm>
            <a:off x="985838" y="1960079"/>
            <a:ext cx="9428987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2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b="1" kern="0" dirty="0"/>
              <a:t>90 ECTS samlet, bestående af:</a:t>
            </a:r>
            <a:br>
              <a:rPr lang="da-DK" sz="1600" kern="0" dirty="0"/>
            </a:br>
            <a:r>
              <a:rPr lang="da-DK" sz="1600" kern="0" dirty="0"/>
              <a:t>60 kernestof </a:t>
            </a:r>
            <a:br>
              <a:rPr lang="da-DK" sz="1600" kern="0" dirty="0"/>
            </a:br>
            <a:r>
              <a:rPr lang="da-DK" sz="1600" kern="0" dirty="0"/>
              <a:t>+ 10-30 ECTS bredde </a:t>
            </a:r>
            <a:br>
              <a:rPr lang="da-DK" sz="1600" kern="0" dirty="0"/>
            </a:br>
            <a:r>
              <a:rPr lang="da-DK" sz="1600" kern="0" dirty="0"/>
              <a:t>+ 10-30 ECTS dybdestof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Adgangskrav på uddannelsen:</a:t>
            </a:r>
            <a:br>
              <a:rPr lang="da-DK" sz="1600" kern="0" dirty="0"/>
            </a:br>
            <a:r>
              <a:rPr lang="da-DK" sz="1600" kern="0" dirty="0"/>
              <a:t>30 ECTS fra eksisterende uddannelse/erfa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KRAV: ‘</a:t>
            </a:r>
            <a:r>
              <a:rPr lang="da-DK" sz="1600" i="1" kern="0" dirty="0"/>
              <a:t>Videnskabsteori for informatik’ </a:t>
            </a:r>
            <a:r>
              <a:rPr lang="da-DK" sz="1600" kern="0" dirty="0"/>
              <a:t>og </a:t>
            </a:r>
            <a:r>
              <a:rPr lang="da-DK" sz="1600" i="1" kern="0" dirty="0"/>
              <a:t>‘Informatikkens fagdidaktik’</a:t>
            </a:r>
          </a:p>
          <a:p>
            <a:pPr marL="717750" lvl="1" indent="-285750"/>
            <a:r>
              <a:rPr lang="da-DK" sz="1600" kern="0" dirty="0"/>
              <a:t>Valgfag i ‘Videnskabsteori for informatik’</a:t>
            </a:r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0A8E22C2-AFAE-0545-9A51-71DA4B4C506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926" r="14121" b="61025"/>
          <a:stretch/>
        </p:blipFill>
        <p:spPr>
          <a:xfrm>
            <a:off x="5086300" y="2285819"/>
            <a:ext cx="6292666" cy="2286362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1EA6B27-FD3D-A271-C73B-C571E69318EC}"/>
              </a:ext>
            </a:extLst>
          </p:cNvPr>
          <p:cNvSpPr txBox="1"/>
          <p:nvPr/>
        </p:nvSpPr>
        <p:spPr>
          <a:xfrm>
            <a:off x="4129088" y="1843088"/>
            <a:ext cx="6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6264626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ruktur – alle andre fagligheder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EA8DC06A-CF0C-2945-9E69-4A9227442341}"/>
              </a:ext>
            </a:extLst>
          </p:cNvPr>
          <p:cNvSpPr txBox="1">
            <a:spLocks/>
          </p:cNvSpPr>
          <p:nvPr/>
        </p:nvSpPr>
        <p:spPr bwMode="auto">
          <a:xfrm>
            <a:off x="985839" y="1960079"/>
            <a:ext cx="7340822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2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b="1" kern="0" dirty="0"/>
              <a:t>120 ECTS samlet, bestående af:</a:t>
            </a:r>
            <a:br>
              <a:rPr lang="da-DK" sz="1600" kern="0" dirty="0"/>
            </a:br>
            <a:r>
              <a:rPr lang="da-DK" sz="1600" kern="0" dirty="0"/>
              <a:t>60 kernestof </a:t>
            </a:r>
            <a:br>
              <a:rPr lang="da-DK" sz="1600" kern="0" dirty="0"/>
            </a:br>
            <a:r>
              <a:rPr lang="da-DK" sz="1600" kern="0" dirty="0"/>
              <a:t>+ 10-30 ECTS bredde </a:t>
            </a:r>
            <a:br>
              <a:rPr lang="da-DK" sz="1600" kern="0" dirty="0"/>
            </a:br>
            <a:r>
              <a:rPr lang="da-DK" sz="1600" kern="0" dirty="0"/>
              <a:t>+ 10-30 ECTS dybdestof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Adgangskrav på uddannelsen:</a:t>
            </a:r>
            <a:br>
              <a:rPr lang="da-DK" sz="1600" kern="0" dirty="0"/>
            </a:br>
            <a:r>
              <a:rPr lang="da-DK" sz="1600" kern="0" dirty="0"/>
              <a:t>30 ECTS fra eksisterende uddannelse/erfa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Valgfri kurs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Anbefaling: </a:t>
            </a:r>
            <a:br>
              <a:rPr lang="da-DK" sz="1600" kern="0" dirty="0"/>
            </a:br>
            <a:r>
              <a:rPr lang="da-DK" sz="1600" kern="0" dirty="0"/>
              <a:t>Bredde / dybdestoffet læses EFTER kernestoffet</a:t>
            </a:r>
            <a:br>
              <a:rPr lang="da-DK" sz="1600" kern="0" dirty="0"/>
            </a:br>
            <a:r>
              <a:rPr lang="da-DK" sz="1600" kern="0" dirty="0"/>
              <a:t>Herunder</a:t>
            </a:r>
            <a:br>
              <a:rPr lang="da-DK" sz="1600" i="1" kern="0" dirty="0"/>
            </a:br>
            <a:r>
              <a:rPr lang="da-DK" sz="1600" i="1" kern="0" dirty="0"/>
              <a:t>‘Videnskabsteori for informatik’ </a:t>
            </a:r>
            <a:r>
              <a:rPr lang="da-DK" sz="1600" kern="0" dirty="0"/>
              <a:t>og </a:t>
            </a:r>
            <a:r>
              <a:rPr lang="da-DK" sz="1600" i="1" kern="0" dirty="0"/>
              <a:t>‘Informatikkens fagdidaktik’</a:t>
            </a:r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0A8E22C2-AFAE-0545-9A51-71DA4B4C506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926" r="14121" b="61025"/>
          <a:stretch/>
        </p:blipFill>
        <p:spPr>
          <a:xfrm>
            <a:off x="5086300" y="1660169"/>
            <a:ext cx="6292666" cy="2286362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91574158-BBB1-1A4A-910A-1D224C53C51B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264" r="3939" b="8001"/>
          <a:stretch/>
        </p:blipFill>
        <p:spPr>
          <a:xfrm>
            <a:off x="4986005" y="4346324"/>
            <a:ext cx="7591257" cy="1536103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1EA6B27-FD3D-A271-C73B-C571E69318EC}"/>
              </a:ext>
            </a:extLst>
          </p:cNvPr>
          <p:cNvSpPr txBox="1"/>
          <p:nvPr/>
        </p:nvSpPr>
        <p:spPr>
          <a:xfrm>
            <a:off x="4129088" y="1843088"/>
            <a:ext cx="6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3143370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æste kurser efterår 2022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Interaktionsdesign og – teknologier (5 ECTS) på AU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lgoritmer og datastrukturer (5 ECTS) på AU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atabaser og begrebsmodellering (5 ECTS) på AAU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5B5E2E4-C0B0-3149-A6BF-F6FC9CA34042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718" t="13512" r="15120" b="15127"/>
          <a:stretch/>
        </p:blipFill>
        <p:spPr>
          <a:xfrm>
            <a:off x="7174532" y="1700808"/>
            <a:ext cx="4244479" cy="437947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4010695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æste kurser 2023 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dirty="0"/>
              <a:t>Forå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Introduktion til programmering (10 ECTS) på AU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Systemarkitektur og it-sikkerhed (5 ECTS) på SDU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igital Design og designprocesser (5 ECTS) på SDU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ataanalyse og </a:t>
            </a:r>
            <a:r>
              <a:rPr lang="da-DK" dirty="0" err="1"/>
              <a:t>machine</a:t>
            </a:r>
            <a:r>
              <a:rPr lang="da-DK" dirty="0"/>
              <a:t> learning (5 ECTS) på KU</a:t>
            </a:r>
          </a:p>
          <a:p>
            <a:pPr>
              <a:buNone/>
            </a:pPr>
            <a:endParaRPr lang="da-DK" i="1" dirty="0"/>
          </a:p>
          <a:p>
            <a:pPr>
              <a:buNone/>
            </a:pPr>
            <a:r>
              <a:rPr lang="da-DK" dirty="0"/>
              <a:t>Efterår:</a:t>
            </a:r>
            <a:endParaRPr lang="da-DK" i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Gentagelse 202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Masterprojekter startes op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313B0AA-5A69-764A-AE03-4A8E1851DB9B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100" t="40551" r="3800" b="6689"/>
          <a:stretch/>
        </p:blipFill>
        <p:spPr>
          <a:xfrm>
            <a:off x="7750596" y="1772816"/>
            <a:ext cx="3024336" cy="361827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8953791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31</Words>
  <Application>Microsoft Macintosh PowerPoint</Application>
  <PresentationFormat>Custom</PresentationFormat>
  <Paragraphs>95</Paragraphs>
  <Slides>14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2" baseType="lpstr">
      <vt:lpstr>AU Passata Light</vt:lpstr>
      <vt:lpstr>Georgia</vt:lpstr>
      <vt:lpstr>AU Peto</vt:lpstr>
      <vt:lpstr>Wingdings 3</vt:lpstr>
      <vt:lpstr>Calibri</vt:lpstr>
      <vt:lpstr>Arial</vt:lpstr>
      <vt:lpstr>AU Passata</vt:lpstr>
      <vt:lpstr>AU 16:9</vt:lpstr>
      <vt:lpstr>Master i informatikundervisning</vt:lpstr>
      <vt:lpstr>Koordinator og vejleder</vt:lpstr>
      <vt:lpstr>Informatik</vt:lpstr>
      <vt:lpstr>Mangel på Undervisere i Informatik</vt:lpstr>
      <vt:lpstr>Master i informatikundervisning</vt:lpstr>
      <vt:lpstr>Struktur - naturvidenskabelige</vt:lpstr>
      <vt:lpstr>Struktur – alle andre fagligheder</vt:lpstr>
      <vt:lpstr>Næste kurser efterår 2022</vt:lpstr>
      <vt:lpstr>Næste kurser 2023 </vt:lpstr>
      <vt:lpstr>Andre kurser</vt:lpstr>
      <vt:lpstr>Arrangementer</vt:lpstr>
      <vt:lpstr>Find Inspiration: GRASPIT.Dk</vt:lpstr>
      <vt:lpstr>Spørgsmål?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5-11T08:58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38944916257537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50</vt:lpwstr>
  </property>
  <property fmtid="{D5CDD505-2E9C-101B-9397-08002B2CF9AE}" pid="62" name="colorthemechange">
    <vt:lpwstr>True</vt:lpwstr>
  </property>
</Properties>
</file>